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8-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8-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noardeastfrysla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logo, Graphics&#10;&#10;Automatisch gegenereerde beschrijving">
            <a:extLst>
              <a:ext uri="{FF2B5EF4-FFF2-40B4-BE49-F238E27FC236}">
                <a16:creationId xmlns:a16="http://schemas.microsoft.com/office/drawing/2014/main" id="{3047FB4E-72AB-77E8-7C05-63B125DA0744}"/>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58051" y="4668735"/>
            <a:ext cx="2023199" cy="199082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5A1DC286-A72C-B53B-319C-627EE16D667E}"/>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24981" y="3539740"/>
            <a:ext cx="1798117" cy="1769347"/>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2-08T16:33:20Z</dcterms:modified>
</cp:coreProperties>
</file>